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55F2DC6" w14:textId="77777777" w:rsidR="00D472EB" w:rsidRPr="00D472EB" w:rsidRDefault="00D472EB" w:rsidP="00D472EB">
      <w:pPr>
        <w:shd w:val="clear" w:color="auto" w:fill="FFFFFF"/>
        <w:spacing w:after="240" w:line="240" w:lineRule="auto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 w:rsidRPr="00D472EB">
        <w:rPr>
          <w:rFonts w:ascii="Segoe UI" w:eastAsia="Times New Roman" w:hAnsi="Segoe UI" w:cs="Segoe UI"/>
          <w:b/>
          <w:bCs/>
          <w:color w:val="242424"/>
          <w:kern w:val="0"/>
          <w:sz w:val="21"/>
          <w:szCs w:val="21"/>
          <w:lang w:eastAsia="es-ES"/>
          <w14:ligatures w14:val="none"/>
        </w:rPr>
        <w:t>Declaración de Testigo</w:t>
      </w:r>
    </w:p>
    <w:p w14:paraId="6F6BD5ED" w14:textId="29DC9824" w:rsidR="00D472EB" w:rsidRPr="00D472EB" w:rsidRDefault="00D472EB" w:rsidP="00D472EB">
      <w:pPr>
        <w:shd w:val="clear" w:color="auto" w:fill="FFFFFF"/>
        <w:spacing w:after="240" w:line="240" w:lineRule="auto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 w:rsidRPr="00D472EB">
        <w:rPr>
          <w:rFonts w:ascii="Segoe UI" w:eastAsia="Times New Roman" w:hAnsi="Segoe UI" w:cs="Segoe UI"/>
          <w:b/>
          <w:bCs/>
          <w:color w:val="242424"/>
          <w:kern w:val="0"/>
          <w:sz w:val="21"/>
          <w:szCs w:val="21"/>
          <w:lang w:eastAsia="es-ES"/>
          <w14:ligatures w14:val="none"/>
        </w:rPr>
        <w:t>Fecha:</w:t>
      </w:r>
      <w:r w:rsidRPr="00D472EB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 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 08/12/2024</w:t>
      </w:r>
    </w:p>
    <w:p w14:paraId="16FACC80" w14:textId="20D6B632" w:rsidR="00D472EB" w:rsidRPr="00D472EB" w:rsidRDefault="00D472EB" w:rsidP="00D472EB">
      <w:pPr>
        <w:shd w:val="clear" w:color="auto" w:fill="FFFFFF"/>
        <w:spacing w:after="240" w:line="240" w:lineRule="auto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 w:rsidRPr="00D472EB">
        <w:rPr>
          <w:rFonts w:ascii="Segoe UI" w:eastAsia="Times New Roman" w:hAnsi="Segoe UI" w:cs="Segoe UI"/>
          <w:b/>
          <w:bCs/>
          <w:color w:val="242424"/>
          <w:kern w:val="0"/>
          <w:sz w:val="21"/>
          <w:szCs w:val="21"/>
          <w:lang w:eastAsia="es-ES"/>
          <w14:ligatures w14:val="none"/>
        </w:rPr>
        <w:t>Lugar:</w:t>
      </w:r>
      <w:r w:rsidRPr="00D472EB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 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Cafetería La Canasta en el CC </w:t>
      </w:r>
      <w:r w:rsidR="00CE3934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La 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Capellanía (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Alhaurín de la Torre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)</w:t>
      </w:r>
    </w:p>
    <w:p w14:paraId="2E841774" w14:textId="5A6205D0" w:rsidR="00D472EB" w:rsidRPr="00D472EB" w:rsidRDefault="00D472EB" w:rsidP="00D472EB">
      <w:pPr>
        <w:shd w:val="clear" w:color="auto" w:fill="FFFFFF"/>
        <w:spacing w:after="240" w:line="240" w:lineRule="auto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 w:rsidRPr="00D472EB">
        <w:rPr>
          <w:rFonts w:ascii="Segoe UI" w:eastAsia="Times New Roman" w:hAnsi="Segoe UI" w:cs="Segoe UI"/>
          <w:b/>
          <w:bCs/>
          <w:color w:val="242424"/>
          <w:kern w:val="0"/>
          <w:sz w:val="21"/>
          <w:szCs w:val="21"/>
          <w:lang w:eastAsia="es-ES"/>
          <w14:ligatures w14:val="none"/>
        </w:rPr>
        <w:t>Nombre del Testigo:</w:t>
      </w:r>
      <w:r w:rsidRPr="00D472EB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 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Carlos Yagüe Martín-Lunas</w:t>
      </w:r>
    </w:p>
    <w:p w14:paraId="1C848586" w14:textId="77777777" w:rsidR="00D472EB" w:rsidRPr="00D472EB" w:rsidRDefault="00D472EB" w:rsidP="00D472EB">
      <w:pPr>
        <w:shd w:val="clear" w:color="auto" w:fill="FFFFFF"/>
        <w:spacing w:after="240" w:line="240" w:lineRule="auto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 w:rsidRPr="00D472EB">
        <w:rPr>
          <w:rFonts w:ascii="Segoe UI" w:eastAsia="Times New Roman" w:hAnsi="Segoe UI" w:cs="Segoe UI"/>
          <w:b/>
          <w:bCs/>
          <w:color w:val="242424"/>
          <w:kern w:val="0"/>
          <w:sz w:val="21"/>
          <w:szCs w:val="21"/>
          <w:lang w:eastAsia="es-ES"/>
          <w14:ligatures w14:val="none"/>
        </w:rPr>
        <w:t>Descripción de los Hechos:</w:t>
      </w:r>
    </w:p>
    <w:p w14:paraId="23032AFE" w14:textId="4E7AE0B6" w:rsidR="00D472EB" w:rsidRPr="00D472EB" w:rsidRDefault="00D472EB" w:rsidP="00D472EB">
      <w:pPr>
        <w:shd w:val="clear" w:color="auto" w:fill="FFFFFF"/>
        <w:spacing w:after="240" w:line="240" w:lineRule="auto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 w:rsidRPr="00D472EB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El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 08/12/2024</w:t>
      </w:r>
      <w:r w:rsidRPr="00D472EB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, aproximadamente a las 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11:00</w:t>
      </w:r>
      <w:r w:rsidRPr="00D472EB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, me encontraba en 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la cafetería La Canasta del Centro Comercial </w:t>
      </w:r>
      <w:r w:rsidR="00CE3934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La 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Capellanía </w:t>
      </w:r>
      <w:r w:rsidRPr="00D472EB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cuando observé los siguientes hechos:</w:t>
      </w:r>
    </w:p>
    <w:p w14:paraId="58CF7091" w14:textId="3A9C06D9" w:rsidR="00D472EB" w:rsidRDefault="00D472EB" w:rsidP="00D472EB">
      <w:pPr>
        <w:numPr>
          <w:ilvl w:val="0"/>
          <w:numId w:val="1"/>
        </w:numPr>
        <w:shd w:val="clear" w:color="auto" w:fill="FFFFFF"/>
        <w:spacing w:before="100" w:beforeAutospacing="1" w:after="100" w:afterAutospacing="1" w:line="240" w:lineRule="auto"/>
        <w:ind w:left="960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Estábamos en la cafetería La Canasta con idea de desayunar y estábamos cogiendo sillas</w:t>
      </w:r>
      <w:r w:rsidR="00CE3934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 para poder sentarnos</w:t>
      </w:r>
      <w:r w:rsidR="00BC45D0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. Mi hermano César cogió una silla vacía y que estaba entre dos mesas.</w:t>
      </w:r>
    </w:p>
    <w:p w14:paraId="4B95066C" w14:textId="68312142" w:rsidR="00D472EB" w:rsidRPr="00D472EB" w:rsidRDefault="00BC45D0" w:rsidP="00D472EB">
      <w:pPr>
        <w:numPr>
          <w:ilvl w:val="0"/>
          <w:numId w:val="1"/>
        </w:numPr>
        <w:shd w:val="clear" w:color="auto" w:fill="FFFFFF"/>
        <w:spacing w:before="100" w:beforeAutospacing="1" w:after="100" w:afterAutospacing="1" w:line="240" w:lineRule="auto"/>
        <w:ind w:left="960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Un señor que yo no conocía y que luego pude comprobar que vive en C/ Bizet, 25 se lanzó de forma inmediata contra mi hermano </w:t>
      </w:r>
      <w:r w:rsidR="00CE3934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increpándole</w:t>
      </w:r>
    </w:p>
    <w:p w14:paraId="2F244742" w14:textId="7BEA4045" w:rsidR="00D472EB" w:rsidRPr="00D472EB" w:rsidRDefault="00CE3934" w:rsidP="00CE3934">
      <w:pPr>
        <w:numPr>
          <w:ilvl w:val="0"/>
          <w:numId w:val="1"/>
        </w:numPr>
        <w:shd w:val="clear" w:color="auto" w:fill="FFFFFF"/>
        <w:spacing w:before="100" w:beforeAutospacing="1" w:after="100" w:afterAutospacing="1" w:line="240" w:lineRule="auto"/>
        <w:ind w:left="960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Mientras intentaba pegarle le iba 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dici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e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n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do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 “tú quien te has creído que eres para cogerme una silla”, y con la clara intención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 clara</w:t>
      </w: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 xml:space="preserve"> de pegarle, cosa que no consiguió.</w:t>
      </w:r>
    </w:p>
    <w:p w14:paraId="1DCE89A4" w14:textId="3E626E2F" w:rsidR="00D472EB" w:rsidRPr="00D472EB" w:rsidRDefault="00CE3934" w:rsidP="00D472EB">
      <w:pPr>
        <w:numPr>
          <w:ilvl w:val="0"/>
          <w:numId w:val="1"/>
        </w:numPr>
        <w:shd w:val="clear" w:color="auto" w:fill="FFFFFF"/>
        <w:spacing w:before="100" w:beforeAutospacing="1" w:after="100" w:afterAutospacing="1" w:line="240" w:lineRule="auto"/>
        <w:ind w:left="960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Esta persona con el revuelo tiró sillas que estaban a su paso y fue reducido por clientes que estaban en la cafetería.</w:t>
      </w:r>
    </w:p>
    <w:p w14:paraId="17832A2E" w14:textId="6D0AFE0C" w:rsidR="00D472EB" w:rsidRDefault="00CE3934" w:rsidP="00D472EB">
      <w:pPr>
        <w:numPr>
          <w:ilvl w:val="0"/>
          <w:numId w:val="1"/>
        </w:numPr>
        <w:shd w:val="clear" w:color="auto" w:fill="FFFFFF"/>
        <w:spacing w:before="100" w:beforeAutospacing="1" w:after="100" w:afterAutospacing="1" w:line="240" w:lineRule="auto"/>
        <w:ind w:left="960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Después pude comprobar donde vive este señor ya que coincidimos en la misma calle en la que vive mi padre</w:t>
      </w:r>
      <w:r w:rsidR="00D472EB" w:rsidRPr="00D472EB"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.</w:t>
      </w:r>
    </w:p>
    <w:p w14:paraId="5F9E684C" w14:textId="1D09EC95" w:rsidR="00CE3934" w:rsidRPr="00D472EB" w:rsidRDefault="00CE3934" w:rsidP="00D472EB">
      <w:pPr>
        <w:numPr>
          <w:ilvl w:val="0"/>
          <w:numId w:val="1"/>
        </w:numPr>
        <w:shd w:val="clear" w:color="auto" w:fill="FFFFFF"/>
        <w:spacing w:before="100" w:beforeAutospacing="1" w:after="100" w:afterAutospacing="1" w:line="240" w:lineRule="auto"/>
        <w:ind w:left="960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He de constar que nunca hemos tenido relación alguna con este señor y que desconocemos su clara animadversión hacia nosotros lo que deja entrever que es una persona muy violenta.</w:t>
      </w:r>
    </w:p>
    <w:p w14:paraId="72875962" w14:textId="77777777" w:rsidR="00D472EB" w:rsidRPr="00D472EB" w:rsidRDefault="00D472EB" w:rsidP="00D472EB">
      <w:pPr>
        <w:shd w:val="clear" w:color="auto" w:fill="FFFFFF"/>
        <w:spacing w:after="240" w:line="240" w:lineRule="auto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 w:rsidRPr="00D472EB">
        <w:rPr>
          <w:rFonts w:ascii="Segoe UI" w:eastAsia="Times New Roman" w:hAnsi="Segoe UI" w:cs="Segoe UI"/>
          <w:b/>
          <w:bCs/>
          <w:color w:val="242424"/>
          <w:kern w:val="0"/>
          <w:sz w:val="21"/>
          <w:szCs w:val="21"/>
          <w:lang w:eastAsia="es-ES"/>
          <w14:ligatures w14:val="none"/>
        </w:rPr>
        <w:t>Firma del Testigo:</w:t>
      </w:r>
    </w:p>
    <w:p w14:paraId="4D7CFA9D" w14:textId="77777777" w:rsidR="00D472EB" w:rsidRPr="00D472EB" w:rsidRDefault="00D472EB" w:rsidP="00D472EB">
      <w:pPr>
        <w:spacing w:after="0" w:line="240" w:lineRule="auto"/>
        <w:rPr>
          <w:rFonts w:ascii="Segoe UI" w:eastAsia="Times New Roman" w:hAnsi="Segoe UI" w:cs="Segoe UI"/>
          <w:kern w:val="0"/>
          <w:sz w:val="21"/>
          <w:szCs w:val="21"/>
          <w:lang w:eastAsia="es-ES"/>
          <w14:ligatures w14:val="none"/>
        </w:rPr>
      </w:pPr>
      <w:r w:rsidRPr="00D472EB">
        <w:rPr>
          <w:rFonts w:ascii="Times New Roman" w:eastAsia="Times New Roman" w:hAnsi="Times New Roman" w:cs="Times New Roman"/>
          <w:kern w:val="0"/>
          <w:sz w:val="24"/>
          <w:szCs w:val="24"/>
          <w:lang w:eastAsia="es-ES"/>
          <w14:ligatures w14:val="none"/>
        </w:rPr>
        <w:pict w14:anchorId="75AB3D64">
          <v:rect id="_x0000_i1025" style="width:0;height:1.5pt" o:hrstd="t" o:hrnoshade="t" o:hr="t" fillcolor="#242424" stroked="f"/>
        </w:pict>
      </w:r>
    </w:p>
    <w:p w14:paraId="4EA7362C" w14:textId="47A8D54E" w:rsidR="00D472EB" w:rsidRPr="00D472EB" w:rsidRDefault="00D472EB" w:rsidP="00D472EB">
      <w:pPr>
        <w:shd w:val="clear" w:color="auto" w:fill="FFFFFF"/>
        <w:spacing w:after="240" w:line="240" w:lineRule="auto"/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</w:pPr>
      <w:r>
        <w:rPr>
          <w:rFonts w:ascii="Segoe UI" w:eastAsia="Times New Roman" w:hAnsi="Segoe UI" w:cs="Segoe UI"/>
          <w:color w:val="242424"/>
          <w:kern w:val="0"/>
          <w:sz w:val="21"/>
          <w:szCs w:val="21"/>
          <w:lang w:eastAsia="es-ES"/>
          <w14:ligatures w14:val="none"/>
        </w:rPr>
        <w:t>Carlos Yagüe Martín-Lunas – 74857807-Y</w:t>
      </w:r>
    </w:p>
    <w:p w14:paraId="59C91E20" w14:textId="77777777" w:rsidR="004A41D4" w:rsidRDefault="004A41D4"/>
    <w:sectPr w:rsidR="004A41D4" w:rsidSect="00EA7171">
      <w:pgSz w:w="11906" w:h="16838" w:code="9"/>
      <w:pgMar w:top="1418" w:right="1418" w:bottom="1418" w:left="1418" w:header="709" w:footer="709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C7B60F0"/>
    <w:multiLevelType w:val="multilevel"/>
    <w:tmpl w:val="69926AF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46F6089E"/>
    <w:multiLevelType w:val="multilevel"/>
    <w:tmpl w:val="947824C6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num w:numId="1" w16cid:durableId="645936785">
    <w:abstractNumId w:val="1"/>
  </w:num>
  <w:num w:numId="2" w16cid:durableId="1441291166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08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472EB"/>
    <w:rsid w:val="00205497"/>
    <w:rsid w:val="004A41D4"/>
    <w:rsid w:val="00903594"/>
    <w:rsid w:val="00BC45D0"/>
    <w:rsid w:val="00BD58C2"/>
    <w:rsid w:val="00CC1E11"/>
    <w:rsid w:val="00CE3934"/>
    <w:rsid w:val="00CF3EAC"/>
    <w:rsid w:val="00D472EB"/>
    <w:rsid w:val="00EA7171"/>
    <w:rsid w:val="00F4686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s-E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6F8672B0"/>
  <w15:chartTrackingRefBased/>
  <w15:docId w15:val="{B5F02717-A4CA-4019-943A-D136A1B7E67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s-E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NormalWeb">
    <w:name w:val="Normal (Web)"/>
    <w:basedOn w:val="Normal"/>
    <w:uiPriority w:val="99"/>
    <w:semiHidden/>
    <w:unhideWhenUsed/>
    <w:rsid w:val="00D472EB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kern w:val="0"/>
      <w:sz w:val="24"/>
      <w:szCs w:val="24"/>
      <w:lang w:eastAsia="es-ES"/>
      <w14:ligatures w14:val="none"/>
    </w:rPr>
  </w:style>
  <w:style w:type="character" w:styleId="Strong">
    <w:name w:val="Strong"/>
    <w:basedOn w:val="DefaultParagraphFont"/>
    <w:uiPriority w:val="22"/>
    <w:qFormat/>
    <w:rsid w:val="00D472EB"/>
    <w:rPr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843918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yague\AppData\Local\Temp\Templafy\WordVsto\zm3whmje.dotx" TargetMode="External"/></Relationships>
</file>

<file path=word/theme/theme1.xml><?xml version="1.0" encoding="utf-8"?>
<a:theme xmlns:a="http://schemas.openxmlformats.org/drawingml/2006/main" name="Deloitte Brand Theme_2024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_2024" id="{9E854B1F-98F4-4C70-8A38-95E6B45A3166}" vid="{14C1D85D-9E5F-44B5-B67C-1132BE023E21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Deloitte - Blank 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77A90A7-50EA-407D-9DF2-9E95B762DF1A}">
  <ds:schemaRefs/>
</ds:datastoreItem>
</file>

<file path=customXml/itemProps2.xml><?xml version="1.0" encoding="utf-8"?>
<ds:datastoreItem xmlns:ds="http://schemas.openxmlformats.org/officeDocument/2006/customXml" ds:itemID="{DD33900C-F8F7-4C1A-BE4D-C1BD95A7479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m3whmje.dotx</Template>
  <TotalTime>46</TotalTime>
  <Pages>1</Pages>
  <Words>199</Words>
  <Characters>1097</Characters>
  <Application>Microsoft Office Word</Application>
  <DocSecurity>0</DocSecurity>
  <Lines>9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29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Yague, Carlos</dc:creator>
  <cp:keywords/>
  <dc:description/>
  <cp:lastModifiedBy>Yague, Carlos</cp:lastModifiedBy>
  <cp:revision>1</cp:revision>
  <dcterms:created xsi:type="dcterms:W3CDTF">2024-12-10T11:19:00Z</dcterms:created>
  <dcterms:modified xsi:type="dcterms:W3CDTF">2024-12-10T12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4-06-20T07:18:04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8ceb35c8-b7dc-446e-bef7-7ee1fca27313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spain</vt:lpwstr>
  </property>
  <property fmtid="{D5CDD505-2E9C-101B-9397-08002B2CF9AE}" pid="10" name="TemplafyTemplateId">
    <vt:lpwstr>939835301036032004</vt:lpwstr>
  </property>
  <property fmtid="{D5CDD505-2E9C-101B-9397-08002B2CF9AE}" pid="11" name="TemplafyUserProfileId">
    <vt:lpwstr>793129044883537926</vt:lpwstr>
  </property>
  <property fmtid="{D5CDD505-2E9C-101B-9397-08002B2CF9AE}" pid="12" name="TemplafyLanguageCode">
    <vt:lpwstr>es-ES</vt:lpwstr>
  </property>
  <property fmtid="{D5CDD505-2E9C-101B-9397-08002B2CF9AE}" pid="13" name="TemplafyFromBlank">
    <vt:bool>true</vt:bool>
  </property>
</Properties>
</file>